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３.　給付\ＸＬＳ\"/>
    </mc:Choice>
  </mc:AlternateContent>
  <bookViews>
    <workbookView xWindow="0" yWindow="0" windowWidth="20490" windowHeight="7185"/>
  </bookViews>
  <sheets>
    <sheet name="一人当たり総諸費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人当たり総諸費!$A$1:$Q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1" uniqueCount="63">
  <si>
    <t>保険者名</t>
  </si>
  <si>
    <t>24年度</t>
    <phoneticPr fontId="4"/>
  </si>
  <si>
    <t>25年度</t>
    <phoneticPr fontId="4"/>
  </si>
  <si>
    <t>26年度</t>
    <phoneticPr fontId="4"/>
  </si>
  <si>
    <t>27年度</t>
    <phoneticPr fontId="4"/>
  </si>
  <si>
    <t>28年度</t>
    <phoneticPr fontId="4"/>
  </si>
  <si>
    <t>費用額</t>
  </si>
  <si>
    <t>順</t>
  </si>
  <si>
    <t>23→24</t>
    <phoneticPr fontId="4"/>
  </si>
  <si>
    <t>24→25</t>
    <phoneticPr fontId="4"/>
  </si>
  <si>
    <t>25→26</t>
  </si>
  <si>
    <t>26→27</t>
    <phoneticPr fontId="4"/>
  </si>
  <si>
    <t>27→28</t>
    <phoneticPr fontId="4"/>
  </si>
  <si>
    <t>（円）</t>
  </si>
  <si>
    <t>伸率%</t>
  </si>
  <si>
    <t>伸率%</t>
    <phoneticPr fontId="4"/>
  </si>
  <si>
    <t>位</t>
    <phoneticPr fontId="4"/>
  </si>
  <si>
    <t>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－</t>
  </si>
  <si>
    <t>－</t>
    <phoneticPr fontId="4"/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4"/>
  </si>
  <si>
    <t>県    平    均</t>
    <phoneticPr fontId="4"/>
  </si>
  <si>
    <t>３.給付（５）　一人当たり医療費の推移（一般被保険者分＋退職者医療分）</t>
    <rPh sb="20" eb="22">
      <t>イッパン</t>
    </rPh>
    <rPh sb="22" eb="26">
      <t>ヒホケンシャ</t>
    </rPh>
    <rPh sb="26" eb="27">
      <t>ブン</t>
    </rPh>
    <rPh sb="28" eb="31">
      <t>タイショクシャ</t>
    </rPh>
    <rPh sb="31" eb="33">
      <t>イリョウ</t>
    </rPh>
    <rPh sb="33" eb="34">
      <t>ブ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);[Red]\(#,##0\)"/>
    <numFmt numFmtId="177" formatCode="0.00_ "/>
  </numFmts>
  <fonts count="8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6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141">
    <xf numFmtId="0" fontId="0" fillId="0" borderId="0" xfId="0"/>
    <xf numFmtId="38" fontId="5" fillId="0" borderId="0" xfId="1" applyFont="1"/>
    <xf numFmtId="38" fontId="6" fillId="0" borderId="0" xfId="1" quotePrefix="1" applyFont="1"/>
    <xf numFmtId="38" fontId="5" fillId="0" borderId="13" xfId="1" quotePrefix="1" applyFont="1" applyBorder="1" applyAlignment="1">
      <alignment horizontal="center"/>
    </xf>
    <xf numFmtId="38" fontId="5" fillId="0" borderId="0" xfId="1" applyFont="1" applyBorder="1" applyAlignment="1">
      <alignment horizontal="center"/>
    </xf>
    <xf numFmtId="38" fontId="5" fillId="0" borderId="13" xfId="1" applyFont="1" applyBorder="1" applyAlignment="1">
      <alignment horizontal="center"/>
    </xf>
    <xf numFmtId="38" fontId="5" fillId="0" borderId="15" xfId="1" quotePrefix="1" applyFont="1" applyBorder="1" applyAlignment="1">
      <alignment horizontal="center"/>
    </xf>
    <xf numFmtId="38" fontId="5" fillId="0" borderId="18" xfId="1" applyFont="1" applyBorder="1" applyAlignment="1">
      <alignment horizontal="center"/>
    </xf>
    <xf numFmtId="38" fontId="5" fillId="0" borderId="12" xfId="1" quotePrefix="1" applyFont="1" applyBorder="1" applyAlignment="1">
      <alignment horizontal="center"/>
    </xf>
    <xf numFmtId="38" fontId="5" fillId="0" borderId="11" xfId="1" quotePrefix="1" applyFont="1" applyBorder="1" applyAlignment="1">
      <alignment horizontal="center"/>
    </xf>
    <xf numFmtId="38" fontId="5" fillId="0" borderId="19" xfId="1" quotePrefix="1" applyFont="1" applyBorder="1" applyAlignment="1">
      <alignment horizontal="center"/>
    </xf>
    <xf numFmtId="38" fontId="5" fillId="0" borderId="24" xfId="1" applyFont="1" applyBorder="1" applyAlignment="1">
      <alignment horizontal="center"/>
    </xf>
    <xf numFmtId="38" fontId="5" fillId="0" borderId="24" xfId="1" applyFont="1" applyBorder="1" applyAlignment="1">
      <alignment horizontal="centerContinuous"/>
    </xf>
    <xf numFmtId="38" fontId="5" fillId="0" borderId="26" xfId="1" applyFont="1" applyBorder="1" applyAlignment="1">
      <alignment horizontal="centerContinuous"/>
    </xf>
    <xf numFmtId="38" fontId="5" fillId="0" borderId="27" xfId="1" applyFont="1" applyBorder="1" applyAlignment="1">
      <alignment horizontal="center"/>
    </xf>
    <xf numFmtId="38" fontId="5" fillId="0" borderId="24" xfId="1" applyFont="1" applyBorder="1" applyAlignment="1">
      <alignment horizontal="center" vertical="center"/>
    </xf>
    <xf numFmtId="38" fontId="5" fillId="0" borderId="23" xfId="1" applyFont="1" applyBorder="1" applyAlignment="1">
      <alignment horizontal="centerContinuous"/>
    </xf>
    <xf numFmtId="38" fontId="5" fillId="0" borderId="21" xfId="1" applyFont="1" applyBorder="1" applyAlignment="1">
      <alignment horizontal="center"/>
    </xf>
    <xf numFmtId="38" fontId="5" fillId="0" borderId="28" xfId="1" applyFont="1" applyBorder="1" applyAlignment="1">
      <alignment horizontal="centerContinuous"/>
    </xf>
    <xf numFmtId="38" fontId="5" fillId="0" borderId="10" xfId="1" applyFont="1" applyBorder="1"/>
    <xf numFmtId="38" fontId="7" fillId="0" borderId="29" xfId="1" applyFont="1" applyBorder="1"/>
    <xf numFmtId="38" fontId="5" fillId="0" borderId="0" xfId="1" applyFont="1" applyBorder="1"/>
    <xf numFmtId="38" fontId="5" fillId="0" borderId="30" xfId="1" applyFont="1" applyBorder="1"/>
    <xf numFmtId="38" fontId="5" fillId="0" borderId="34" xfId="1" applyNumberFormat="1" applyFont="1" applyBorder="1"/>
    <xf numFmtId="1" fontId="5" fillId="0" borderId="33" xfId="1" applyNumberFormat="1" applyFont="1" applyBorder="1"/>
    <xf numFmtId="38" fontId="5" fillId="0" borderId="32" xfId="1" applyFont="1" applyBorder="1"/>
    <xf numFmtId="38" fontId="5" fillId="0" borderId="34" xfId="2" quotePrefix="1" applyFont="1" applyBorder="1"/>
    <xf numFmtId="38" fontId="5" fillId="0" borderId="30" xfId="2" applyFont="1" applyBorder="1"/>
    <xf numFmtId="38" fontId="5" fillId="0" borderId="34" xfId="2" applyNumberFormat="1" applyFont="1" applyBorder="1"/>
    <xf numFmtId="38" fontId="5" fillId="0" borderId="32" xfId="2" applyNumberFormat="1" applyFont="1" applyBorder="1"/>
    <xf numFmtId="2" fontId="5" fillId="0" borderId="31" xfId="2" applyNumberFormat="1" applyFont="1" applyBorder="1"/>
    <xf numFmtId="38" fontId="5" fillId="0" borderId="34" xfId="1" quotePrefix="1" applyFont="1" applyBorder="1"/>
    <xf numFmtId="38" fontId="5" fillId="0" borderId="10" xfId="1" quotePrefix="1" applyFont="1" applyBorder="1"/>
    <xf numFmtId="38" fontId="5" fillId="0" borderId="0" xfId="1" quotePrefix="1" applyFont="1" applyBorder="1"/>
    <xf numFmtId="40" fontId="5" fillId="0" borderId="0" xfId="1" quotePrefix="1" applyNumberFormat="1" applyFont="1" applyBorder="1"/>
    <xf numFmtId="38" fontId="5" fillId="0" borderId="36" xfId="1" applyFont="1" applyBorder="1"/>
    <xf numFmtId="38" fontId="7" fillId="0" borderId="37" xfId="1" applyFont="1" applyBorder="1"/>
    <xf numFmtId="38" fontId="5" fillId="0" borderId="38" xfId="1" applyFont="1" applyBorder="1"/>
    <xf numFmtId="38" fontId="5" fillId="0" borderId="41" xfId="1" applyFont="1" applyBorder="1"/>
    <xf numFmtId="38" fontId="5" fillId="0" borderId="40" xfId="1" quotePrefix="1" applyFont="1" applyBorder="1"/>
    <xf numFmtId="38" fontId="5" fillId="0" borderId="40" xfId="1" applyNumberFormat="1" applyFont="1" applyBorder="1"/>
    <xf numFmtId="1" fontId="5" fillId="0" borderId="42" xfId="1" applyNumberFormat="1" applyFont="1" applyBorder="1"/>
    <xf numFmtId="38" fontId="5" fillId="0" borderId="43" xfId="1" applyFont="1" applyBorder="1"/>
    <xf numFmtId="38" fontId="5" fillId="0" borderId="40" xfId="2" quotePrefix="1" applyFont="1" applyBorder="1"/>
    <xf numFmtId="38" fontId="5" fillId="0" borderId="41" xfId="2" applyFont="1" applyBorder="1"/>
    <xf numFmtId="38" fontId="5" fillId="0" borderId="40" xfId="2" applyNumberFormat="1" applyFont="1" applyBorder="1"/>
    <xf numFmtId="38" fontId="5" fillId="0" borderId="43" xfId="2" applyNumberFormat="1" applyFont="1" applyBorder="1"/>
    <xf numFmtId="2" fontId="5" fillId="0" borderId="39" xfId="2" applyNumberFormat="1" applyFont="1" applyBorder="1"/>
    <xf numFmtId="38" fontId="5" fillId="0" borderId="25" xfId="1" applyFont="1" applyBorder="1"/>
    <xf numFmtId="38" fontId="5" fillId="0" borderId="24" xfId="1" applyFont="1" applyBorder="1"/>
    <xf numFmtId="38" fontId="5" fillId="0" borderId="45" xfId="1" applyFont="1" applyBorder="1"/>
    <xf numFmtId="38" fontId="5" fillId="0" borderId="27" xfId="1" applyNumberFormat="1" applyFont="1" applyBorder="1"/>
    <xf numFmtId="1" fontId="5" fillId="0" borderId="26" xfId="1" applyNumberFormat="1" applyFont="1" applyBorder="1"/>
    <xf numFmtId="38" fontId="5" fillId="0" borderId="27" xfId="2" quotePrefix="1" applyFont="1" applyBorder="1"/>
    <xf numFmtId="38" fontId="5" fillId="0" borderId="45" xfId="2" applyFont="1" applyBorder="1"/>
    <xf numFmtId="38" fontId="5" fillId="0" borderId="27" xfId="2" applyNumberFormat="1" applyFont="1" applyBorder="1"/>
    <xf numFmtId="38" fontId="5" fillId="0" borderId="25" xfId="2" applyNumberFormat="1" applyFont="1" applyBorder="1"/>
    <xf numFmtId="2" fontId="5" fillId="0" borderId="22" xfId="2" applyNumberFormat="1" applyFont="1" applyBorder="1"/>
    <xf numFmtId="38" fontId="5" fillId="0" borderId="27" xfId="1" quotePrefix="1" applyFont="1" applyBorder="1"/>
    <xf numFmtId="38" fontId="5" fillId="0" borderId="38" xfId="2" applyFont="1" applyBorder="1"/>
    <xf numFmtId="38" fontId="5" fillId="0" borderId="46" xfId="1" quotePrefix="1" applyFont="1" applyBorder="1"/>
    <xf numFmtId="38" fontId="5" fillId="0" borderId="46" xfId="2" quotePrefix="1" applyFont="1" applyBorder="1"/>
    <xf numFmtId="38" fontId="5" fillId="0" borderId="24" xfId="2" applyFont="1" applyBorder="1"/>
    <xf numFmtId="38" fontId="5" fillId="0" borderId="52" xfId="1" applyFont="1" applyBorder="1" applyAlignment="1">
      <alignment horizontal="center"/>
    </xf>
    <xf numFmtId="38" fontId="5" fillId="0" borderId="16" xfId="1" applyNumberFormat="1" applyFont="1" applyBorder="1"/>
    <xf numFmtId="176" fontId="5" fillId="0" borderId="17" xfId="1" applyNumberFormat="1" applyFont="1" applyBorder="1" applyAlignment="1">
      <alignment horizontal="center"/>
    </xf>
    <xf numFmtId="1" fontId="5" fillId="0" borderId="53" xfId="1" applyNumberFormat="1" applyFont="1" applyBorder="1" applyAlignment="1">
      <alignment horizontal="center"/>
    </xf>
    <xf numFmtId="38" fontId="5" fillId="0" borderId="16" xfId="2" quotePrefix="1" applyFont="1" applyBorder="1"/>
    <xf numFmtId="38" fontId="5" fillId="0" borderId="52" xfId="2" applyFont="1" applyBorder="1" applyAlignment="1">
      <alignment horizontal="center"/>
    </xf>
    <xf numFmtId="38" fontId="5" fillId="0" borderId="51" xfId="2" applyNumberFormat="1" applyFont="1" applyBorder="1"/>
    <xf numFmtId="40" fontId="5" fillId="0" borderId="55" xfId="2" applyNumberFormat="1" applyFont="1" applyBorder="1"/>
    <xf numFmtId="2" fontId="5" fillId="0" borderId="54" xfId="2" applyNumberFormat="1" applyFont="1" applyBorder="1"/>
    <xf numFmtId="38" fontId="5" fillId="0" borderId="16" xfId="1" quotePrefix="1" applyFont="1" applyBorder="1"/>
    <xf numFmtId="38" fontId="5" fillId="0" borderId="51" xfId="1" quotePrefix="1" applyFont="1" applyBorder="1"/>
    <xf numFmtId="38" fontId="5" fillId="0" borderId="51" xfId="1" applyNumberFormat="1" applyFont="1" applyBorder="1"/>
    <xf numFmtId="176" fontId="5" fillId="0" borderId="53" xfId="1" applyNumberFormat="1" applyFont="1" applyBorder="1" applyAlignment="1">
      <alignment horizontal="center"/>
    </xf>
    <xf numFmtId="38" fontId="5" fillId="0" borderId="55" xfId="1" applyFont="1" applyBorder="1"/>
    <xf numFmtId="38" fontId="5" fillId="0" borderId="51" xfId="2" quotePrefix="1" applyFont="1" applyBorder="1"/>
    <xf numFmtId="38" fontId="5" fillId="0" borderId="16" xfId="2" applyNumberFormat="1" applyFont="1" applyBorder="1"/>
    <xf numFmtId="40" fontId="5" fillId="0" borderId="0" xfId="2" applyNumberFormat="1" applyFont="1" applyBorder="1"/>
    <xf numFmtId="2" fontId="5" fillId="0" borderId="14" xfId="2" applyNumberFormat="1" applyFont="1" applyBorder="1"/>
    <xf numFmtId="38" fontId="5" fillId="0" borderId="60" xfId="1" applyFont="1" applyBorder="1" applyAlignment="1">
      <alignment horizontal="center"/>
    </xf>
    <xf numFmtId="38" fontId="5" fillId="0" borderId="59" xfId="1" applyNumberFormat="1" applyFont="1" applyBorder="1"/>
    <xf numFmtId="38" fontId="5" fillId="0" borderId="59" xfId="1" quotePrefix="1" applyFont="1" applyBorder="1"/>
    <xf numFmtId="176" fontId="5" fillId="0" borderId="61" xfId="1" applyNumberFormat="1" applyFont="1" applyBorder="1" applyAlignment="1">
      <alignment horizontal="center"/>
    </xf>
    <xf numFmtId="38" fontId="5" fillId="0" borderId="64" xfId="1" applyFont="1" applyBorder="1"/>
    <xf numFmtId="1" fontId="5" fillId="0" borderId="62" xfId="1" applyNumberFormat="1" applyFont="1" applyBorder="1" applyAlignment="1">
      <alignment horizontal="center"/>
    </xf>
    <xf numFmtId="38" fontId="5" fillId="0" borderId="59" xfId="2" quotePrefix="1" applyFont="1" applyBorder="1"/>
    <xf numFmtId="38" fontId="5" fillId="0" borderId="60" xfId="2" applyFont="1" applyBorder="1" applyAlignment="1">
      <alignment horizontal="center"/>
    </xf>
    <xf numFmtId="38" fontId="5" fillId="0" borderId="59" xfId="2" applyNumberFormat="1" applyFont="1" applyBorder="1"/>
    <xf numFmtId="40" fontId="5" fillId="0" borderId="64" xfId="2" applyNumberFormat="1" applyFont="1" applyBorder="1"/>
    <xf numFmtId="2" fontId="5" fillId="0" borderId="63" xfId="2" applyNumberFormat="1" applyFont="1" applyBorder="1"/>
    <xf numFmtId="177" fontId="5" fillId="0" borderId="31" xfId="1" applyNumberFormat="1" applyFont="1" applyBorder="1"/>
    <xf numFmtId="177" fontId="5" fillId="0" borderId="39" xfId="1" applyNumberFormat="1" applyFont="1" applyBorder="1"/>
    <xf numFmtId="177" fontId="5" fillId="0" borderId="22" xfId="1" applyNumberFormat="1" applyFont="1" applyBorder="1"/>
    <xf numFmtId="177" fontId="5" fillId="0" borderId="14" xfId="1" applyNumberFormat="1" applyFont="1" applyBorder="1"/>
    <xf numFmtId="177" fontId="5" fillId="0" borderId="54" xfId="1" applyNumberFormat="1" applyFont="1" applyBorder="1"/>
    <xf numFmtId="177" fontId="5" fillId="0" borderId="63" xfId="1" applyNumberFormat="1" applyFont="1" applyBorder="1"/>
    <xf numFmtId="177" fontId="5" fillId="0" borderId="32" xfId="1" applyNumberFormat="1" applyFont="1" applyBorder="1"/>
    <xf numFmtId="177" fontId="5" fillId="0" borderId="43" xfId="1" applyNumberFormat="1" applyFont="1" applyBorder="1"/>
    <xf numFmtId="177" fontId="5" fillId="0" borderId="25" xfId="1" applyNumberFormat="1" applyFont="1" applyBorder="1"/>
    <xf numFmtId="177" fontId="5" fillId="0" borderId="0" xfId="1" applyNumberFormat="1" applyFont="1" applyBorder="1"/>
    <xf numFmtId="177" fontId="5" fillId="0" borderId="55" xfId="1" applyNumberFormat="1" applyFont="1" applyBorder="1"/>
    <xf numFmtId="177" fontId="5" fillId="0" borderId="64" xfId="1" applyNumberFormat="1" applyFont="1" applyBorder="1"/>
    <xf numFmtId="177" fontId="5" fillId="0" borderId="0" xfId="1" applyNumberFormat="1" applyFont="1"/>
    <xf numFmtId="4" fontId="5" fillId="0" borderId="30" xfId="2" applyNumberFormat="1" applyFont="1" applyBorder="1"/>
    <xf numFmtId="4" fontId="5" fillId="0" borderId="41" xfId="2" applyNumberFormat="1" applyFont="1" applyBorder="1"/>
    <xf numFmtId="4" fontId="5" fillId="0" borderId="45" xfId="2" applyNumberFormat="1" applyFont="1" applyBorder="1"/>
    <xf numFmtId="4" fontId="5" fillId="0" borderId="38" xfId="2" applyNumberFormat="1" applyFont="1" applyBorder="1"/>
    <xf numFmtId="4" fontId="5" fillId="0" borderId="24" xfId="2" applyNumberFormat="1" applyFont="1" applyBorder="1"/>
    <xf numFmtId="4" fontId="5" fillId="0" borderId="13" xfId="2" applyNumberFormat="1" applyFont="1" applyBorder="1"/>
    <xf numFmtId="4" fontId="5" fillId="0" borderId="52" xfId="2" applyNumberFormat="1" applyFont="1" applyBorder="1"/>
    <xf numFmtId="4" fontId="5" fillId="0" borderId="60" xfId="2" applyNumberFormat="1" applyFont="1" applyBorder="1"/>
    <xf numFmtId="4" fontId="5" fillId="0" borderId="35" xfId="1" applyNumberFormat="1" applyFont="1" applyBorder="1"/>
    <xf numFmtId="4" fontId="5" fillId="0" borderId="44" xfId="1" applyNumberFormat="1" applyFont="1" applyBorder="1"/>
    <xf numFmtId="4" fontId="5" fillId="0" borderId="47" xfId="1" applyNumberFormat="1" applyFont="1" applyBorder="1"/>
    <xf numFmtId="4" fontId="5" fillId="0" borderId="48" xfId="1" applyNumberFormat="1" applyFont="1" applyBorder="1"/>
    <xf numFmtId="4" fontId="5" fillId="0" borderId="28" xfId="1" applyNumberFormat="1" applyFont="1" applyBorder="1"/>
    <xf numFmtId="4" fontId="5" fillId="0" borderId="19" xfId="1" applyNumberFormat="1" applyFont="1" applyBorder="1"/>
    <xf numFmtId="4" fontId="5" fillId="0" borderId="56" xfId="1" applyNumberFormat="1" applyFont="1" applyBorder="1"/>
    <xf numFmtId="4" fontId="5" fillId="0" borderId="65" xfId="1" applyNumberFormat="1" applyFont="1" applyBorder="1"/>
    <xf numFmtId="49" fontId="2" fillId="0" borderId="0" xfId="1" applyNumberFormat="1" applyFont="1"/>
    <xf numFmtId="38" fontId="5" fillId="0" borderId="49" xfId="1" applyFont="1" applyBorder="1" applyAlignment="1">
      <alignment horizontal="distributed" justifyLastLine="1"/>
    </xf>
    <xf numFmtId="38" fontId="5" fillId="0" borderId="50" xfId="1" applyFont="1" applyBorder="1" applyAlignment="1">
      <alignment horizontal="distributed" justifyLastLine="1"/>
    </xf>
    <xf numFmtId="38" fontId="5" fillId="0" borderId="57" xfId="1" applyFont="1" applyBorder="1" applyAlignment="1">
      <alignment horizontal="distributed" justifyLastLine="1"/>
    </xf>
    <xf numFmtId="38" fontId="5" fillId="0" borderId="58" xfId="1" applyFont="1" applyBorder="1" applyAlignment="1">
      <alignment horizontal="distributed" justifyLastLine="1"/>
    </xf>
    <xf numFmtId="38" fontId="5" fillId="0" borderId="6" xfId="1" quotePrefix="1" applyFont="1" applyBorder="1" applyAlignment="1">
      <alignment horizontal="distributed" justifyLastLine="1"/>
    </xf>
    <xf numFmtId="38" fontId="5" fillId="0" borderId="7" xfId="1" quotePrefix="1" applyFont="1" applyBorder="1" applyAlignment="1">
      <alignment horizontal="distributed" justifyLastLine="1"/>
    </xf>
    <xf numFmtId="38" fontId="5" fillId="0" borderId="8" xfId="1" quotePrefix="1" applyFont="1" applyBorder="1" applyAlignment="1">
      <alignment horizontal="distributed" justifyLastLine="1"/>
    </xf>
    <xf numFmtId="38" fontId="5" fillId="0" borderId="3" xfId="1" quotePrefix="1" applyFont="1" applyBorder="1" applyAlignment="1">
      <alignment horizontal="distributed" justifyLastLine="1"/>
    </xf>
    <xf numFmtId="38" fontId="5" fillId="0" borderId="4" xfId="1" quotePrefix="1" applyFont="1" applyBorder="1" applyAlignment="1">
      <alignment horizontal="distributed" justifyLastLine="1"/>
    </xf>
    <xf numFmtId="38" fontId="5" fillId="0" borderId="5" xfId="1" quotePrefix="1" applyFont="1" applyBorder="1" applyAlignment="1">
      <alignment horizontal="distributed" justifyLastLine="1"/>
    </xf>
    <xf numFmtId="0" fontId="0" fillId="0" borderId="4" xfId="0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  <xf numFmtId="38" fontId="5" fillId="0" borderId="9" xfId="1" quotePrefix="1" applyFont="1" applyBorder="1" applyAlignment="1">
      <alignment horizontal="distributed" justifyLastLine="1"/>
    </xf>
    <xf numFmtId="38" fontId="5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0" fillId="0" borderId="11" xfId="0" applyBorder="1" applyAlignment="1">
      <alignment horizontal="distributed" vertical="center" justifyLastLine="1"/>
    </xf>
    <xf numFmtId="0" fontId="0" fillId="0" borderId="20" xfId="0" applyBorder="1" applyAlignment="1">
      <alignment horizontal="distributed" vertical="center" justifyLastLine="1"/>
    </xf>
    <xf numFmtId="0" fontId="0" fillId="0" borderId="21" xfId="0" applyBorder="1" applyAlignment="1">
      <alignment horizontal="distributed" vertical="center" justifyLastLine="1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S48"/>
  <sheetViews>
    <sheetView tabSelected="1" view="pageBreakPreview" topLeftCell="A40" zoomScaleNormal="100" zoomScaleSheetLayoutView="100" workbookViewId="0">
      <selection activeCell="H51" sqref="H51"/>
    </sheetView>
  </sheetViews>
  <sheetFormatPr defaultRowHeight="11.25" x14ac:dyDescent="0.15"/>
  <cols>
    <col min="1" max="1" width="3.625" style="1" customWidth="1"/>
    <col min="2" max="2" width="9.875" style="1" customWidth="1"/>
    <col min="3" max="3" width="8.25" style="1" customWidth="1"/>
    <col min="4" max="4" width="3.125" style="1" customWidth="1"/>
    <col min="5" max="5" width="6.25" style="1" customWidth="1"/>
    <col min="6" max="6" width="8.25" style="1" customWidth="1"/>
    <col min="7" max="7" width="3.125" style="1" customWidth="1"/>
    <col min="8" max="8" width="6.25" style="1" customWidth="1"/>
    <col min="9" max="9" width="8.125" style="1" customWidth="1"/>
    <col min="10" max="10" width="3.125" style="1" customWidth="1"/>
    <col min="11" max="11" width="6.25" style="1" customWidth="1"/>
    <col min="12" max="12" width="8.125" style="1" customWidth="1"/>
    <col min="13" max="13" width="3.125" style="1" customWidth="1"/>
    <col min="14" max="14" width="6.25" style="1" customWidth="1"/>
    <col min="15" max="15" width="8.125" style="1" customWidth="1"/>
    <col min="16" max="16" width="3.125" style="1" customWidth="1"/>
    <col min="17" max="17" width="6.25" style="1" customWidth="1"/>
    <col min="18" max="16384" width="9" style="1"/>
  </cols>
  <sheetData>
    <row r="1" spans="1:19" ht="16.5" customHeight="1" x14ac:dyDescent="0.15">
      <c r="A1" s="121" t="s">
        <v>62</v>
      </c>
      <c r="R1" s="2"/>
    </row>
    <row r="2" spans="1:19" ht="11.1" customHeight="1" thickBot="1" x14ac:dyDescent="0.2"/>
    <row r="3" spans="1:19" ht="15" customHeight="1" x14ac:dyDescent="0.15">
      <c r="A3" s="135" t="s">
        <v>0</v>
      </c>
      <c r="B3" s="136"/>
      <c r="C3" s="126" t="s">
        <v>1</v>
      </c>
      <c r="D3" s="127"/>
      <c r="E3" s="128"/>
      <c r="F3" s="129" t="s">
        <v>2</v>
      </c>
      <c r="G3" s="130"/>
      <c r="H3" s="130"/>
      <c r="I3" s="129" t="s">
        <v>3</v>
      </c>
      <c r="J3" s="130"/>
      <c r="K3" s="131"/>
      <c r="L3" s="129" t="s">
        <v>4</v>
      </c>
      <c r="M3" s="132"/>
      <c r="N3" s="133"/>
      <c r="O3" s="129" t="s">
        <v>5</v>
      </c>
      <c r="P3" s="130"/>
      <c r="Q3" s="134"/>
    </row>
    <row r="4" spans="1:19" ht="12.75" customHeight="1" x14ac:dyDescent="0.15">
      <c r="A4" s="137"/>
      <c r="B4" s="138"/>
      <c r="C4" s="4" t="s">
        <v>6</v>
      </c>
      <c r="D4" s="5" t="s">
        <v>7</v>
      </c>
      <c r="E4" s="3" t="s">
        <v>8</v>
      </c>
      <c r="F4" s="7" t="s">
        <v>6</v>
      </c>
      <c r="G4" s="5" t="s">
        <v>7</v>
      </c>
      <c r="H4" s="3" t="s">
        <v>9</v>
      </c>
      <c r="I4" s="8" t="s">
        <v>6</v>
      </c>
      <c r="J4" s="6" t="s">
        <v>7</v>
      </c>
      <c r="K4" s="9" t="s">
        <v>10</v>
      </c>
      <c r="L4" s="7" t="s">
        <v>6</v>
      </c>
      <c r="M4" s="5" t="s">
        <v>7</v>
      </c>
      <c r="N4" s="3" t="s">
        <v>11</v>
      </c>
      <c r="O4" s="7" t="s">
        <v>6</v>
      </c>
      <c r="P4" s="5" t="s">
        <v>7</v>
      </c>
      <c r="Q4" s="10" t="s">
        <v>12</v>
      </c>
    </row>
    <row r="5" spans="1:19" ht="12.75" customHeight="1" x14ac:dyDescent="0.15">
      <c r="A5" s="139"/>
      <c r="B5" s="140"/>
      <c r="C5" s="14" t="s">
        <v>13</v>
      </c>
      <c r="D5" s="11" t="s">
        <v>16</v>
      </c>
      <c r="E5" s="11" t="s">
        <v>14</v>
      </c>
      <c r="F5" s="14" t="s">
        <v>13</v>
      </c>
      <c r="G5" s="11" t="s">
        <v>16</v>
      </c>
      <c r="H5" s="15" t="s">
        <v>15</v>
      </c>
      <c r="I5" s="16" t="s">
        <v>13</v>
      </c>
      <c r="J5" s="13" t="s">
        <v>17</v>
      </c>
      <c r="K5" s="17" t="s">
        <v>15</v>
      </c>
      <c r="L5" s="14" t="s">
        <v>13</v>
      </c>
      <c r="M5" s="11" t="s">
        <v>16</v>
      </c>
      <c r="N5" s="12" t="s">
        <v>15</v>
      </c>
      <c r="O5" s="14" t="s">
        <v>13</v>
      </c>
      <c r="P5" s="11" t="s">
        <v>16</v>
      </c>
      <c r="Q5" s="18" t="s">
        <v>15</v>
      </c>
    </row>
    <row r="6" spans="1:19" ht="19.5" customHeight="1" x14ac:dyDescent="0.15">
      <c r="A6" s="19">
        <v>1</v>
      </c>
      <c r="B6" s="20" t="s">
        <v>18</v>
      </c>
      <c r="C6" s="23">
        <v>300007</v>
      </c>
      <c r="D6" s="24">
        <v>19</v>
      </c>
      <c r="E6" s="92">
        <v>2.8</v>
      </c>
      <c r="F6" s="25">
        <v>310254</v>
      </c>
      <c r="G6" s="24">
        <v>16</v>
      </c>
      <c r="H6" s="98">
        <v>3.42</v>
      </c>
      <c r="I6" s="26">
        <v>319951</v>
      </c>
      <c r="J6" s="27">
        <v>19</v>
      </c>
      <c r="K6" s="105">
        <v>3.13</v>
      </c>
      <c r="L6" s="28">
        <v>337682</v>
      </c>
      <c r="M6" s="29">
        <v>20</v>
      </c>
      <c r="N6" s="30">
        <v>5.54</v>
      </c>
      <c r="O6" s="31">
        <v>340753</v>
      </c>
      <c r="P6" s="22">
        <v>19</v>
      </c>
      <c r="Q6" s="113">
        <v>0.91</v>
      </c>
      <c r="R6" s="32"/>
      <c r="S6" s="33"/>
    </row>
    <row r="7" spans="1:19" ht="19.5" customHeight="1" x14ac:dyDescent="0.15">
      <c r="A7" s="19">
        <v>2</v>
      </c>
      <c r="B7" s="20" t="s">
        <v>19</v>
      </c>
      <c r="C7" s="23">
        <v>289280</v>
      </c>
      <c r="D7" s="24">
        <v>25</v>
      </c>
      <c r="E7" s="92">
        <v>2.4500000000000002</v>
      </c>
      <c r="F7" s="25">
        <v>298045</v>
      </c>
      <c r="G7" s="24">
        <v>25</v>
      </c>
      <c r="H7" s="98">
        <v>3.03</v>
      </c>
      <c r="I7" s="26">
        <v>307564</v>
      </c>
      <c r="J7" s="27">
        <v>25</v>
      </c>
      <c r="K7" s="105">
        <v>3.19</v>
      </c>
      <c r="L7" s="28">
        <v>325707</v>
      </c>
      <c r="M7" s="29">
        <v>23</v>
      </c>
      <c r="N7" s="30">
        <v>5.9</v>
      </c>
      <c r="O7" s="31">
        <v>329029</v>
      </c>
      <c r="P7" s="22">
        <v>24</v>
      </c>
      <c r="Q7" s="113">
        <v>1.02</v>
      </c>
      <c r="S7" s="33"/>
    </row>
    <row r="8" spans="1:19" ht="19.5" customHeight="1" x14ac:dyDescent="0.15">
      <c r="A8" s="19">
        <v>3</v>
      </c>
      <c r="B8" s="20" t="s">
        <v>20</v>
      </c>
      <c r="C8" s="23">
        <v>328504</v>
      </c>
      <c r="D8" s="24">
        <v>5</v>
      </c>
      <c r="E8" s="92">
        <v>2.92</v>
      </c>
      <c r="F8" s="25">
        <v>336900</v>
      </c>
      <c r="G8" s="24">
        <v>4</v>
      </c>
      <c r="H8" s="98">
        <v>2.56</v>
      </c>
      <c r="I8" s="26">
        <v>349530</v>
      </c>
      <c r="J8" s="27">
        <v>3</v>
      </c>
      <c r="K8" s="105">
        <v>3.75</v>
      </c>
      <c r="L8" s="28">
        <v>362851</v>
      </c>
      <c r="M8" s="29">
        <v>5</v>
      </c>
      <c r="N8" s="30">
        <v>3.81</v>
      </c>
      <c r="O8" s="31">
        <v>365193</v>
      </c>
      <c r="P8" s="22">
        <v>5</v>
      </c>
      <c r="Q8" s="113">
        <v>0.65</v>
      </c>
      <c r="S8" s="33"/>
    </row>
    <row r="9" spans="1:19" ht="19.5" customHeight="1" x14ac:dyDescent="0.15">
      <c r="A9" s="19">
        <v>4</v>
      </c>
      <c r="B9" s="20" t="s">
        <v>21</v>
      </c>
      <c r="C9" s="23">
        <v>292423</v>
      </c>
      <c r="D9" s="24">
        <v>24</v>
      </c>
      <c r="E9" s="92">
        <v>3.28</v>
      </c>
      <c r="F9" s="25">
        <v>303256</v>
      </c>
      <c r="G9" s="24">
        <v>22</v>
      </c>
      <c r="H9" s="98">
        <v>3.7</v>
      </c>
      <c r="I9" s="26">
        <v>308938</v>
      </c>
      <c r="J9" s="27">
        <v>23</v>
      </c>
      <c r="K9" s="105">
        <v>1.87</v>
      </c>
      <c r="L9" s="28">
        <v>331002</v>
      </c>
      <c r="M9" s="29">
        <v>21</v>
      </c>
      <c r="N9" s="30">
        <v>7.14</v>
      </c>
      <c r="O9" s="31">
        <v>339013</v>
      </c>
      <c r="P9" s="22">
        <v>20</v>
      </c>
      <c r="Q9" s="113">
        <v>2.42</v>
      </c>
      <c r="S9" s="33"/>
    </row>
    <row r="10" spans="1:19" ht="19.5" customHeight="1" x14ac:dyDescent="0.15">
      <c r="A10" s="19">
        <v>5</v>
      </c>
      <c r="B10" s="20" t="s">
        <v>22</v>
      </c>
      <c r="C10" s="23">
        <v>305018</v>
      </c>
      <c r="D10" s="24">
        <v>15</v>
      </c>
      <c r="E10" s="92">
        <v>4.8499999999999996</v>
      </c>
      <c r="F10" s="25">
        <v>313754</v>
      </c>
      <c r="G10" s="24">
        <v>13</v>
      </c>
      <c r="H10" s="98">
        <v>2.86</v>
      </c>
      <c r="I10" s="26">
        <v>325758</v>
      </c>
      <c r="J10" s="27">
        <v>13</v>
      </c>
      <c r="K10" s="105">
        <v>3.83</v>
      </c>
      <c r="L10" s="28">
        <v>341080</v>
      </c>
      <c r="M10" s="29">
        <v>17</v>
      </c>
      <c r="N10" s="30">
        <v>4.7</v>
      </c>
      <c r="O10" s="31">
        <v>335633</v>
      </c>
      <c r="P10" s="22">
        <v>21</v>
      </c>
      <c r="Q10" s="113">
        <v>-1.6</v>
      </c>
      <c r="S10" s="33"/>
    </row>
    <row r="11" spans="1:19" ht="19.5" customHeight="1" x14ac:dyDescent="0.15">
      <c r="A11" s="19">
        <v>6</v>
      </c>
      <c r="B11" s="20" t="s">
        <v>23</v>
      </c>
      <c r="C11" s="23">
        <v>286876</v>
      </c>
      <c r="D11" s="24">
        <v>28</v>
      </c>
      <c r="E11" s="92">
        <v>2.56</v>
      </c>
      <c r="F11" s="25">
        <v>298356</v>
      </c>
      <c r="G11" s="24">
        <v>24</v>
      </c>
      <c r="H11" s="98">
        <v>4</v>
      </c>
      <c r="I11" s="26">
        <v>308561</v>
      </c>
      <c r="J11" s="27">
        <v>24</v>
      </c>
      <c r="K11" s="105">
        <v>3.42</v>
      </c>
      <c r="L11" s="28">
        <v>324003</v>
      </c>
      <c r="M11" s="29">
        <v>24</v>
      </c>
      <c r="N11" s="30">
        <v>5</v>
      </c>
      <c r="O11" s="31">
        <v>323077</v>
      </c>
      <c r="P11" s="22">
        <v>27</v>
      </c>
      <c r="Q11" s="113">
        <v>-0.28999999999999998</v>
      </c>
      <c r="S11" s="33"/>
    </row>
    <row r="12" spans="1:19" ht="19.5" customHeight="1" x14ac:dyDescent="0.15">
      <c r="A12" s="19">
        <v>7</v>
      </c>
      <c r="B12" s="20" t="s">
        <v>24</v>
      </c>
      <c r="C12" s="23">
        <v>324284</v>
      </c>
      <c r="D12" s="24">
        <v>6</v>
      </c>
      <c r="E12" s="92">
        <v>3.32</v>
      </c>
      <c r="F12" s="25">
        <v>329015</v>
      </c>
      <c r="G12" s="24">
        <v>7</v>
      </c>
      <c r="H12" s="98">
        <v>1.46</v>
      </c>
      <c r="I12" s="26">
        <v>342756</v>
      </c>
      <c r="J12" s="27">
        <v>6</v>
      </c>
      <c r="K12" s="105">
        <v>4.18</v>
      </c>
      <c r="L12" s="28">
        <v>357041</v>
      </c>
      <c r="M12" s="29">
        <v>7</v>
      </c>
      <c r="N12" s="30">
        <v>4.17</v>
      </c>
      <c r="O12" s="31">
        <v>356478</v>
      </c>
      <c r="P12" s="22">
        <v>9</v>
      </c>
      <c r="Q12" s="113">
        <v>-0.16</v>
      </c>
      <c r="S12" s="33"/>
    </row>
    <row r="13" spans="1:19" ht="19.5" customHeight="1" x14ac:dyDescent="0.15">
      <c r="A13" s="19">
        <v>8</v>
      </c>
      <c r="B13" s="20" t="s">
        <v>25</v>
      </c>
      <c r="C13" s="23">
        <v>288426</v>
      </c>
      <c r="D13" s="24">
        <v>26</v>
      </c>
      <c r="E13" s="92">
        <v>1.95</v>
      </c>
      <c r="F13" s="25">
        <v>294989</v>
      </c>
      <c r="G13" s="24">
        <v>26</v>
      </c>
      <c r="H13" s="98">
        <v>2.2799999999999998</v>
      </c>
      <c r="I13" s="26">
        <v>301150</v>
      </c>
      <c r="J13" s="27">
        <v>30</v>
      </c>
      <c r="K13" s="105">
        <v>2.09</v>
      </c>
      <c r="L13" s="28">
        <v>320719</v>
      </c>
      <c r="M13" s="29">
        <v>26</v>
      </c>
      <c r="N13" s="30">
        <v>6.5</v>
      </c>
      <c r="O13" s="31">
        <v>323448</v>
      </c>
      <c r="P13" s="22">
        <v>26</v>
      </c>
      <c r="Q13" s="113">
        <v>0.85</v>
      </c>
      <c r="S13" s="34"/>
    </row>
    <row r="14" spans="1:19" ht="19.5" customHeight="1" x14ac:dyDescent="0.15">
      <c r="A14" s="19">
        <v>9</v>
      </c>
      <c r="B14" s="20" t="s">
        <v>26</v>
      </c>
      <c r="C14" s="23">
        <v>311144</v>
      </c>
      <c r="D14" s="24">
        <v>10</v>
      </c>
      <c r="E14" s="92">
        <v>2.16</v>
      </c>
      <c r="F14" s="25">
        <v>334946</v>
      </c>
      <c r="G14" s="24">
        <v>5</v>
      </c>
      <c r="H14" s="98">
        <v>7.65</v>
      </c>
      <c r="I14" s="26">
        <v>341159</v>
      </c>
      <c r="J14" s="27">
        <v>7</v>
      </c>
      <c r="K14" s="105">
        <v>1.85</v>
      </c>
      <c r="L14" s="28">
        <v>353105</v>
      </c>
      <c r="M14" s="29">
        <v>8</v>
      </c>
      <c r="N14" s="30">
        <v>3.5</v>
      </c>
      <c r="O14" s="31">
        <v>354632</v>
      </c>
      <c r="P14" s="22">
        <v>10</v>
      </c>
      <c r="Q14" s="113">
        <v>0.43</v>
      </c>
      <c r="S14" s="33"/>
    </row>
    <row r="15" spans="1:19" ht="19.5" customHeight="1" x14ac:dyDescent="0.15">
      <c r="A15" s="19">
        <v>10</v>
      </c>
      <c r="B15" s="20" t="s">
        <v>27</v>
      </c>
      <c r="C15" s="23">
        <v>283348</v>
      </c>
      <c r="D15" s="24">
        <v>30</v>
      </c>
      <c r="E15" s="92">
        <v>1.28</v>
      </c>
      <c r="F15" s="25">
        <v>292683</v>
      </c>
      <c r="G15" s="24">
        <v>29</v>
      </c>
      <c r="H15" s="98">
        <v>3.29</v>
      </c>
      <c r="I15" s="26">
        <v>303925</v>
      </c>
      <c r="J15" s="27">
        <v>27</v>
      </c>
      <c r="K15" s="105">
        <v>3.84</v>
      </c>
      <c r="L15" s="28">
        <v>320645</v>
      </c>
      <c r="M15" s="29">
        <v>27</v>
      </c>
      <c r="N15" s="30">
        <v>5.5</v>
      </c>
      <c r="O15" s="31">
        <v>325125</v>
      </c>
      <c r="P15" s="22">
        <v>25</v>
      </c>
      <c r="Q15" s="113">
        <v>1.4</v>
      </c>
      <c r="S15" s="33"/>
    </row>
    <row r="16" spans="1:19" ht="19.5" customHeight="1" x14ac:dyDescent="0.15">
      <c r="A16" s="19">
        <v>11</v>
      </c>
      <c r="B16" s="20" t="s">
        <v>28</v>
      </c>
      <c r="C16" s="23">
        <v>310088</v>
      </c>
      <c r="D16" s="24">
        <v>11</v>
      </c>
      <c r="E16" s="92">
        <v>1.29</v>
      </c>
      <c r="F16" s="25">
        <v>324404</v>
      </c>
      <c r="G16" s="24">
        <v>9</v>
      </c>
      <c r="H16" s="98">
        <v>4.62</v>
      </c>
      <c r="I16" s="26">
        <v>336476</v>
      </c>
      <c r="J16" s="27">
        <v>10</v>
      </c>
      <c r="K16" s="105">
        <v>3.72</v>
      </c>
      <c r="L16" s="28">
        <v>350418</v>
      </c>
      <c r="M16" s="29">
        <v>11</v>
      </c>
      <c r="N16" s="30">
        <v>4.1399999999999997</v>
      </c>
      <c r="O16" s="31">
        <v>341852</v>
      </c>
      <c r="P16" s="22">
        <v>18</v>
      </c>
      <c r="Q16" s="113">
        <v>-2.44</v>
      </c>
      <c r="S16" s="33"/>
    </row>
    <row r="17" spans="1:19" ht="19.5" customHeight="1" x14ac:dyDescent="0.15">
      <c r="A17" s="19">
        <v>12</v>
      </c>
      <c r="B17" s="20" t="s">
        <v>29</v>
      </c>
      <c r="C17" s="23">
        <v>297509</v>
      </c>
      <c r="D17" s="24">
        <v>20</v>
      </c>
      <c r="E17" s="92">
        <v>4.3600000000000003</v>
      </c>
      <c r="F17" s="25">
        <v>305591</v>
      </c>
      <c r="G17" s="24">
        <v>20</v>
      </c>
      <c r="H17" s="98">
        <v>2.72</v>
      </c>
      <c r="I17" s="26">
        <v>313559</v>
      </c>
      <c r="J17" s="27">
        <v>21</v>
      </c>
      <c r="K17" s="105">
        <v>2.61</v>
      </c>
      <c r="L17" s="28">
        <v>326501</v>
      </c>
      <c r="M17" s="29">
        <v>22</v>
      </c>
      <c r="N17" s="30">
        <v>4.13</v>
      </c>
      <c r="O17" s="31">
        <v>333863</v>
      </c>
      <c r="P17" s="22">
        <v>22</v>
      </c>
      <c r="Q17" s="113">
        <v>2.25</v>
      </c>
      <c r="S17" s="33"/>
    </row>
    <row r="18" spans="1:19" ht="19.5" customHeight="1" x14ac:dyDescent="0.15">
      <c r="A18" s="19">
        <v>13</v>
      </c>
      <c r="B18" s="20" t="s">
        <v>30</v>
      </c>
      <c r="C18" s="23">
        <v>293685</v>
      </c>
      <c r="D18" s="24">
        <v>23</v>
      </c>
      <c r="E18" s="92">
        <v>2.19</v>
      </c>
      <c r="F18" s="25">
        <v>300751</v>
      </c>
      <c r="G18" s="24">
        <v>23</v>
      </c>
      <c r="H18" s="98">
        <v>2.41</v>
      </c>
      <c r="I18" s="26">
        <v>312485</v>
      </c>
      <c r="J18" s="27">
        <v>22</v>
      </c>
      <c r="K18" s="105">
        <v>3.9</v>
      </c>
      <c r="L18" s="28">
        <v>322276</v>
      </c>
      <c r="M18" s="29">
        <v>25</v>
      </c>
      <c r="N18" s="30">
        <v>3.13</v>
      </c>
      <c r="O18" s="31">
        <v>330521</v>
      </c>
      <c r="P18" s="22">
        <v>23</v>
      </c>
      <c r="Q18" s="113">
        <v>2.56</v>
      </c>
      <c r="S18" s="33"/>
    </row>
    <row r="19" spans="1:19" ht="19.5" customHeight="1" x14ac:dyDescent="0.15">
      <c r="A19" s="19">
        <v>14</v>
      </c>
      <c r="B19" s="20" t="s">
        <v>31</v>
      </c>
      <c r="C19" s="23">
        <v>280571</v>
      </c>
      <c r="D19" s="24">
        <v>32</v>
      </c>
      <c r="E19" s="92">
        <v>2.08</v>
      </c>
      <c r="F19" s="25">
        <v>287575</v>
      </c>
      <c r="G19" s="24">
        <v>32</v>
      </c>
      <c r="H19" s="98">
        <v>2.5</v>
      </c>
      <c r="I19" s="26">
        <v>293973</v>
      </c>
      <c r="J19" s="27">
        <v>32</v>
      </c>
      <c r="K19" s="105">
        <v>2.2200000000000002</v>
      </c>
      <c r="L19" s="28">
        <v>314729</v>
      </c>
      <c r="M19" s="29">
        <v>29</v>
      </c>
      <c r="N19" s="30">
        <v>7.06</v>
      </c>
      <c r="O19" s="31">
        <v>321158</v>
      </c>
      <c r="P19" s="22">
        <v>29</v>
      </c>
      <c r="Q19" s="113">
        <v>2.04</v>
      </c>
      <c r="S19" s="33"/>
    </row>
    <row r="20" spans="1:19" ht="19.5" customHeight="1" x14ac:dyDescent="0.15">
      <c r="A20" s="19">
        <v>15</v>
      </c>
      <c r="B20" s="20" t="s">
        <v>32</v>
      </c>
      <c r="C20" s="23">
        <v>305173</v>
      </c>
      <c r="D20" s="24">
        <v>13</v>
      </c>
      <c r="E20" s="92">
        <v>0.52</v>
      </c>
      <c r="F20" s="25">
        <v>306012</v>
      </c>
      <c r="G20" s="24">
        <v>19</v>
      </c>
      <c r="H20" s="98">
        <v>0.27</v>
      </c>
      <c r="I20" s="26">
        <v>323124</v>
      </c>
      <c r="J20" s="27">
        <v>16</v>
      </c>
      <c r="K20" s="105">
        <v>5.59</v>
      </c>
      <c r="L20" s="28">
        <v>341326</v>
      </c>
      <c r="M20" s="29">
        <v>16</v>
      </c>
      <c r="N20" s="30">
        <v>5.63</v>
      </c>
      <c r="O20" s="31">
        <v>346003</v>
      </c>
      <c r="P20" s="22">
        <v>15</v>
      </c>
      <c r="Q20" s="113">
        <v>1.37</v>
      </c>
      <c r="S20" s="33"/>
    </row>
    <row r="21" spans="1:19" ht="19.5" customHeight="1" x14ac:dyDescent="0.15">
      <c r="A21" s="19">
        <v>16</v>
      </c>
      <c r="B21" s="20" t="s">
        <v>33</v>
      </c>
      <c r="C21" s="23">
        <v>282819</v>
      </c>
      <c r="D21" s="24">
        <v>31</v>
      </c>
      <c r="E21" s="92">
        <v>1.23</v>
      </c>
      <c r="F21" s="25">
        <v>293025</v>
      </c>
      <c r="G21" s="24">
        <v>28</v>
      </c>
      <c r="H21" s="98">
        <v>3.61</v>
      </c>
      <c r="I21" s="26">
        <v>291802</v>
      </c>
      <c r="J21" s="27">
        <v>33</v>
      </c>
      <c r="K21" s="105">
        <v>-0.42</v>
      </c>
      <c r="L21" s="28">
        <v>308588</v>
      </c>
      <c r="M21" s="29">
        <v>31</v>
      </c>
      <c r="N21" s="30">
        <v>5.75</v>
      </c>
      <c r="O21" s="31">
        <v>316024</v>
      </c>
      <c r="P21" s="22">
        <v>31</v>
      </c>
      <c r="Q21" s="113">
        <v>2.41</v>
      </c>
      <c r="S21" s="33"/>
    </row>
    <row r="22" spans="1:19" ht="19.5" customHeight="1" x14ac:dyDescent="0.15">
      <c r="A22" s="19">
        <v>17</v>
      </c>
      <c r="B22" s="20" t="s">
        <v>34</v>
      </c>
      <c r="C22" s="23">
        <v>294243</v>
      </c>
      <c r="D22" s="24">
        <v>21</v>
      </c>
      <c r="E22" s="92">
        <v>0.6</v>
      </c>
      <c r="F22" s="25">
        <v>304684</v>
      </c>
      <c r="G22" s="24">
        <v>21</v>
      </c>
      <c r="H22" s="98">
        <v>3.55</v>
      </c>
      <c r="I22" s="26">
        <v>302334</v>
      </c>
      <c r="J22" s="27">
        <v>29</v>
      </c>
      <c r="K22" s="105">
        <v>-0.77</v>
      </c>
      <c r="L22" s="28">
        <v>320116</v>
      </c>
      <c r="M22" s="29">
        <v>28</v>
      </c>
      <c r="N22" s="30">
        <v>5.88</v>
      </c>
      <c r="O22" s="31">
        <v>321283</v>
      </c>
      <c r="P22" s="22">
        <v>28</v>
      </c>
      <c r="Q22" s="113">
        <v>0.36</v>
      </c>
      <c r="S22" s="33"/>
    </row>
    <row r="23" spans="1:19" ht="19.5" customHeight="1" x14ac:dyDescent="0.15">
      <c r="A23" s="19">
        <v>18</v>
      </c>
      <c r="B23" s="20" t="s">
        <v>35</v>
      </c>
      <c r="C23" s="23">
        <v>309401</v>
      </c>
      <c r="D23" s="24">
        <v>12</v>
      </c>
      <c r="E23" s="92">
        <v>3.77</v>
      </c>
      <c r="F23" s="25">
        <v>312150</v>
      </c>
      <c r="G23" s="24">
        <v>14</v>
      </c>
      <c r="H23" s="98">
        <v>0.89</v>
      </c>
      <c r="I23" s="26">
        <v>324975</v>
      </c>
      <c r="J23" s="27">
        <v>15</v>
      </c>
      <c r="K23" s="105">
        <v>4.1100000000000003</v>
      </c>
      <c r="L23" s="28">
        <v>352443</v>
      </c>
      <c r="M23" s="29">
        <v>9</v>
      </c>
      <c r="N23" s="30">
        <v>8.4499999999999993</v>
      </c>
      <c r="O23" s="31">
        <v>358920</v>
      </c>
      <c r="P23" s="22">
        <v>8</v>
      </c>
      <c r="Q23" s="113">
        <v>1.84</v>
      </c>
      <c r="S23" s="33"/>
    </row>
    <row r="24" spans="1:19" ht="19.5" customHeight="1" thickBot="1" x14ac:dyDescent="0.2">
      <c r="A24" s="35">
        <v>21</v>
      </c>
      <c r="B24" s="36" t="s">
        <v>36</v>
      </c>
      <c r="C24" s="40">
        <v>284366</v>
      </c>
      <c r="D24" s="41">
        <v>29</v>
      </c>
      <c r="E24" s="93">
        <v>2.88</v>
      </c>
      <c r="F24" s="42">
        <v>292195</v>
      </c>
      <c r="G24" s="41">
        <v>30</v>
      </c>
      <c r="H24" s="99">
        <v>2.75</v>
      </c>
      <c r="I24" s="43">
        <v>303508</v>
      </c>
      <c r="J24" s="44">
        <v>28</v>
      </c>
      <c r="K24" s="106">
        <v>3.87</v>
      </c>
      <c r="L24" s="45">
        <v>312706</v>
      </c>
      <c r="M24" s="46">
        <v>30</v>
      </c>
      <c r="N24" s="47">
        <v>3.03</v>
      </c>
      <c r="O24" s="39">
        <v>318468</v>
      </c>
      <c r="P24" s="38">
        <v>30</v>
      </c>
      <c r="Q24" s="114">
        <v>1.84</v>
      </c>
      <c r="S24" s="33"/>
    </row>
    <row r="25" spans="1:19" ht="19.5" customHeight="1" thickTop="1" x14ac:dyDescent="0.15">
      <c r="A25" s="19">
        <v>19</v>
      </c>
      <c r="B25" s="20" t="s">
        <v>37</v>
      </c>
      <c r="C25" s="51">
        <v>288184</v>
      </c>
      <c r="D25" s="52">
        <v>27</v>
      </c>
      <c r="E25" s="94">
        <v>2.95</v>
      </c>
      <c r="F25" s="48">
        <v>294312</v>
      </c>
      <c r="G25" s="52">
        <v>27</v>
      </c>
      <c r="H25" s="100">
        <v>2.13</v>
      </c>
      <c r="I25" s="53">
        <v>296306</v>
      </c>
      <c r="J25" s="54">
        <v>31</v>
      </c>
      <c r="K25" s="107">
        <v>0.68</v>
      </c>
      <c r="L25" s="55">
        <v>302862</v>
      </c>
      <c r="M25" s="56">
        <v>33</v>
      </c>
      <c r="N25" s="57">
        <v>2.21</v>
      </c>
      <c r="O25" s="58">
        <v>305499</v>
      </c>
      <c r="P25" s="50">
        <v>32</v>
      </c>
      <c r="Q25" s="115">
        <v>0.87</v>
      </c>
      <c r="S25" s="33"/>
    </row>
    <row r="26" spans="1:19" ht="19.5" customHeight="1" x14ac:dyDescent="0.15">
      <c r="A26" s="19">
        <v>20</v>
      </c>
      <c r="B26" s="20" t="s">
        <v>38</v>
      </c>
      <c r="C26" s="23">
        <v>303219</v>
      </c>
      <c r="D26" s="24">
        <v>17</v>
      </c>
      <c r="E26" s="92">
        <v>2.5499999999999998</v>
      </c>
      <c r="F26" s="25">
        <v>310795</v>
      </c>
      <c r="G26" s="24">
        <v>15</v>
      </c>
      <c r="H26" s="98">
        <v>2.5</v>
      </c>
      <c r="I26" s="26">
        <v>337339</v>
      </c>
      <c r="J26" s="27">
        <v>9</v>
      </c>
      <c r="K26" s="105">
        <v>8.5399999999999991</v>
      </c>
      <c r="L26" s="28">
        <v>348141</v>
      </c>
      <c r="M26" s="29">
        <v>12</v>
      </c>
      <c r="N26" s="30">
        <v>3.2</v>
      </c>
      <c r="O26" s="31">
        <v>343220</v>
      </c>
      <c r="P26" s="22">
        <v>17</v>
      </c>
      <c r="Q26" s="113">
        <v>-1.41</v>
      </c>
      <c r="S26" s="33"/>
    </row>
    <row r="27" spans="1:19" ht="19.5" customHeight="1" x14ac:dyDescent="0.15">
      <c r="A27" s="19">
        <v>22</v>
      </c>
      <c r="B27" s="20" t="s">
        <v>39</v>
      </c>
      <c r="C27" s="23">
        <v>331040</v>
      </c>
      <c r="D27" s="24">
        <v>4</v>
      </c>
      <c r="E27" s="92">
        <v>5.25</v>
      </c>
      <c r="F27" s="25">
        <v>324608</v>
      </c>
      <c r="G27" s="24">
        <v>8</v>
      </c>
      <c r="H27" s="98">
        <v>-1.94</v>
      </c>
      <c r="I27" s="26">
        <v>340908</v>
      </c>
      <c r="J27" s="27">
        <v>8</v>
      </c>
      <c r="K27" s="105">
        <v>5.0199999999999996</v>
      </c>
      <c r="L27" s="28">
        <v>348072</v>
      </c>
      <c r="M27" s="29">
        <v>13</v>
      </c>
      <c r="N27" s="30">
        <v>2.1</v>
      </c>
      <c r="O27" s="31">
        <v>346865</v>
      </c>
      <c r="P27" s="22">
        <v>14</v>
      </c>
      <c r="Q27" s="113">
        <v>-0.35</v>
      </c>
      <c r="S27" s="33"/>
    </row>
    <row r="28" spans="1:19" ht="19.5" customHeight="1" x14ac:dyDescent="0.15">
      <c r="A28" s="19">
        <v>23</v>
      </c>
      <c r="B28" s="20" t="s">
        <v>40</v>
      </c>
      <c r="C28" s="23">
        <v>334213</v>
      </c>
      <c r="D28" s="24">
        <v>3</v>
      </c>
      <c r="E28" s="92">
        <v>4.4800000000000004</v>
      </c>
      <c r="F28" s="25">
        <v>340022</v>
      </c>
      <c r="G28" s="24">
        <v>3</v>
      </c>
      <c r="H28" s="98">
        <v>1.74</v>
      </c>
      <c r="I28" s="26">
        <v>325180</v>
      </c>
      <c r="J28" s="27">
        <v>14</v>
      </c>
      <c r="K28" s="105">
        <v>-4.37</v>
      </c>
      <c r="L28" s="28">
        <v>361743</v>
      </c>
      <c r="M28" s="29">
        <v>6</v>
      </c>
      <c r="N28" s="30">
        <v>11.24</v>
      </c>
      <c r="O28" s="31">
        <v>360461</v>
      </c>
      <c r="P28" s="22">
        <v>7</v>
      </c>
      <c r="Q28" s="113">
        <v>-0.35</v>
      </c>
      <c r="S28" s="33"/>
    </row>
    <row r="29" spans="1:19" ht="19.5" customHeight="1" x14ac:dyDescent="0.15">
      <c r="A29" s="19">
        <v>24</v>
      </c>
      <c r="B29" s="20" t="s">
        <v>41</v>
      </c>
      <c r="C29" s="23">
        <v>313934</v>
      </c>
      <c r="D29" s="24">
        <v>8</v>
      </c>
      <c r="E29" s="92">
        <v>4.66</v>
      </c>
      <c r="F29" s="25">
        <v>322670</v>
      </c>
      <c r="G29" s="24">
        <v>10</v>
      </c>
      <c r="H29" s="98">
        <v>2.78</v>
      </c>
      <c r="I29" s="26">
        <v>344154</v>
      </c>
      <c r="J29" s="27">
        <v>5</v>
      </c>
      <c r="K29" s="105">
        <v>6.66</v>
      </c>
      <c r="L29" s="28">
        <v>345348</v>
      </c>
      <c r="M29" s="29">
        <v>14</v>
      </c>
      <c r="N29" s="30">
        <v>0.35</v>
      </c>
      <c r="O29" s="31">
        <v>351567</v>
      </c>
      <c r="P29" s="22">
        <v>12</v>
      </c>
      <c r="Q29" s="113">
        <v>1.8</v>
      </c>
      <c r="S29" s="33"/>
    </row>
    <row r="30" spans="1:19" ht="19.5" customHeight="1" x14ac:dyDescent="0.15">
      <c r="A30" s="19">
        <v>25</v>
      </c>
      <c r="B30" s="20" t="s">
        <v>42</v>
      </c>
      <c r="C30" s="23">
        <v>271417</v>
      </c>
      <c r="D30" s="24">
        <v>33</v>
      </c>
      <c r="E30" s="92">
        <v>-7.61</v>
      </c>
      <c r="F30" s="25">
        <v>277786</v>
      </c>
      <c r="G30" s="24">
        <v>33</v>
      </c>
      <c r="H30" s="98">
        <v>2.35</v>
      </c>
      <c r="I30" s="26">
        <v>305000</v>
      </c>
      <c r="J30" s="27">
        <v>26</v>
      </c>
      <c r="K30" s="105">
        <v>9.8000000000000007</v>
      </c>
      <c r="L30" s="28">
        <v>305599</v>
      </c>
      <c r="M30" s="29">
        <v>32</v>
      </c>
      <c r="N30" s="30">
        <v>0.2</v>
      </c>
      <c r="O30" s="31">
        <v>294729</v>
      </c>
      <c r="P30" s="22">
        <v>33</v>
      </c>
      <c r="Q30" s="113">
        <v>-3.56</v>
      </c>
      <c r="S30" s="33"/>
    </row>
    <row r="31" spans="1:19" ht="19.5" customHeight="1" x14ac:dyDescent="0.15">
      <c r="A31" s="19">
        <v>26</v>
      </c>
      <c r="B31" s="20" t="s">
        <v>43</v>
      </c>
      <c r="C31" s="23">
        <v>311412</v>
      </c>
      <c r="D31" s="24">
        <v>9</v>
      </c>
      <c r="E31" s="92">
        <v>10.92</v>
      </c>
      <c r="F31" s="25">
        <v>315468</v>
      </c>
      <c r="G31" s="24">
        <v>12</v>
      </c>
      <c r="H31" s="98">
        <v>1.3</v>
      </c>
      <c r="I31" s="26">
        <v>335930</v>
      </c>
      <c r="J31" s="27">
        <v>11</v>
      </c>
      <c r="K31" s="105">
        <v>6.49</v>
      </c>
      <c r="L31" s="28">
        <v>381759</v>
      </c>
      <c r="M31" s="29">
        <v>3</v>
      </c>
      <c r="N31" s="30">
        <v>13.64</v>
      </c>
      <c r="O31" s="31">
        <v>385501</v>
      </c>
      <c r="P31" s="22">
        <v>3</v>
      </c>
      <c r="Q31" s="113">
        <v>0.98</v>
      </c>
      <c r="S31" s="33"/>
    </row>
    <row r="32" spans="1:19" ht="19.5" customHeight="1" x14ac:dyDescent="0.15">
      <c r="A32" s="19">
        <v>27</v>
      </c>
      <c r="B32" s="20" t="s">
        <v>44</v>
      </c>
      <c r="C32" s="23">
        <v>348551</v>
      </c>
      <c r="D32" s="24">
        <v>1</v>
      </c>
      <c r="E32" s="92">
        <v>3.2</v>
      </c>
      <c r="F32" s="25">
        <v>360667</v>
      </c>
      <c r="G32" s="24">
        <v>1</v>
      </c>
      <c r="H32" s="98">
        <v>3.48</v>
      </c>
      <c r="I32" s="26">
        <v>364411</v>
      </c>
      <c r="J32" s="27">
        <v>1</v>
      </c>
      <c r="K32" s="105">
        <v>1.04</v>
      </c>
      <c r="L32" s="28">
        <v>392705</v>
      </c>
      <c r="M32" s="29">
        <v>1</v>
      </c>
      <c r="N32" s="30">
        <v>7.76</v>
      </c>
      <c r="O32" s="31">
        <v>416839</v>
      </c>
      <c r="P32" s="22">
        <v>1</v>
      </c>
      <c r="Q32" s="113">
        <v>6.15</v>
      </c>
      <c r="S32" s="33"/>
    </row>
    <row r="33" spans="1:19" ht="19.5" customHeight="1" x14ac:dyDescent="0.15">
      <c r="A33" s="19">
        <v>28</v>
      </c>
      <c r="B33" s="20" t="s">
        <v>45</v>
      </c>
      <c r="C33" s="23">
        <v>322241</v>
      </c>
      <c r="D33" s="24">
        <v>7</v>
      </c>
      <c r="E33" s="92">
        <v>3.66</v>
      </c>
      <c r="F33" s="25">
        <v>329249</v>
      </c>
      <c r="G33" s="24">
        <v>6</v>
      </c>
      <c r="H33" s="98">
        <v>2.17</v>
      </c>
      <c r="I33" s="26">
        <v>321341</v>
      </c>
      <c r="J33" s="27">
        <v>18</v>
      </c>
      <c r="K33" s="105">
        <v>-2.4</v>
      </c>
      <c r="L33" s="28">
        <v>338452</v>
      </c>
      <c r="M33" s="29">
        <v>19</v>
      </c>
      <c r="N33" s="30">
        <v>5.32</v>
      </c>
      <c r="O33" s="31">
        <v>384543</v>
      </c>
      <c r="P33" s="22">
        <v>4</v>
      </c>
      <c r="Q33" s="113">
        <v>13.62</v>
      </c>
      <c r="S33" s="33"/>
    </row>
    <row r="34" spans="1:19" ht="19.5" customHeight="1" x14ac:dyDescent="0.15">
      <c r="A34" s="19">
        <v>29</v>
      </c>
      <c r="B34" s="20" t="s">
        <v>46</v>
      </c>
      <c r="C34" s="23">
        <v>305127</v>
      </c>
      <c r="D34" s="24">
        <v>14</v>
      </c>
      <c r="E34" s="92">
        <v>-1.39</v>
      </c>
      <c r="F34" s="25">
        <v>307632</v>
      </c>
      <c r="G34" s="24">
        <v>18</v>
      </c>
      <c r="H34" s="98">
        <v>0.82</v>
      </c>
      <c r="I34" s="26">
        <v>328820</v>
      </c>
      <c r="J34" s="27">
        <v>12</v>
      </c>
      <c r="K34" s="105">
        <v>6.89</v>
      </c>
      <c r="L34" s="28">
        <v>377462</v>
      </c>
      <c r="M34" s="29">
        <v>4</v>
      </c>
      <c r="N34" s="30">
        <v>14.79</v>
      </c>
      <c r="O34" s="31">
        <v>350096</v>
      </c>
      <c r="P34" s="22">
        <v>13</v>
      </c>
      <c r="Q34" s="113">
        <v>-7.25</v>
      </c>
      <c r="S34" s="33"/>
    </row>
    <row r="35" spans="1:19" ht="19.5" customHeight="1" x14ac:dyDescent="0.15">
      <c r="A35" s="19">
        <v>30</v>
      </c>
      <c r="B35" s="20" t="s">
        <v>47</v>
      </c>
      <c r="C35" s="23">
        <v>334434</v>
      </c>
      <c r="D35" s="24">
        <v>2</v>
      </c>
      <c r="E35" s="92">
        <v>3.3</v>
      </c>
      <c r="F35" s="25">
        <v>342628</v>
      </c>
      <c r="G35" s="24">
        <v>2</v>
      </c>
      <c r="H35" s="98">
        <v>2.4500000000000002</v>
      </c>
      <c r="I35" s="26">
        <v>347403</v>
      </c>
      <c r="J35" s="27">
        <v>4</v>
      </c>
      <c r="K35" s="105">
        <v>1.39</v>
      </c>
      <c r="L35" s="28">
        <v>386765</v>
      </c>
      <c r="M35" s="29">
        <v>2</v>
      </c>
      <c r="N35" s="30">
        <v>11.33</v>
      </c>
      <c r="O35" s="31">
        <v>387978</v>
      </c>
      <c r="P35" s="22">
        <v>2</v>
      </c>
      <c r="Q35" s="113">
        <v>0.31</v>
      </c>
      <c r="S35" s="33"/>
    </row>
    <row r="36" spans="1:19" ht="19.5" customHeight="1" x14ac:dyDescent="0.15">
      <c r="A36" s="19">
        <v>31</v>
      </c>
      <c r="B36" s="20" t="s">
        <v>48</v>
      </c>
      <c r="C36" s="23">
        <v>303814</v>
      </c>
      <c r="D36" s="24">
        <v>16</v>
      </c>
      <c r="E36" s="92">
        <v>2.16</v>
      </c>
      <c r="F36" s="25">
        <v>319380</v>
      </c>
      <c r="G36" s="24">
        <v>11</v>
      </c>
      <c r="H36" s="98">
        <v>5.12</v>
      </c>
      <c r="I36" s="26">
        <v>322326</v>
      </c>
      <c r="J36" s="27">
        <v>17</v>
      </c>
      <c r="K36" s="105">
        <v>0.92</v>
      </c>
      <c r="L36" s="28">
        <v>339437</v>
      </c>
      <c r="M36" s="29">
        <v>18</v>
      </c>
      <c r="N36" s="30">
        <v>5.31</v>
      </c>
      <c r="O36" s="31">
        <v>352785</v>
      </c>
      <c r="P36" s="22">
        <v>11</v>
      </c>
      <c r="Q36" s="113">
        <v>3.93</v>
      </c>
      <c r="S36" s="33"/>
    </row>
    <row r="37" spans="1:19" ht="19.5" customHeight="1" x14ac:dyDescent="0.15">
      <c r="A37" s="19">
        <v>32</v>
      </c>
      <c r="B37" s="20" t="s">
        <v>49</v>
      </c>
      <c r="C37" s="23">
        <v>300321</v>
      </c>
      <c r="D37" s="24">
        <v>18</v>
      </c>
      <c r="E37" s="92">
        <v>-1.1100000000000001</v>
      </c>
      <c r="F37" s="25">
        <v>310098</v>
      </c>
      <c r="G37" s="24">
        <v>17</v>
      </c>
      <c r="H37" s="98">
        <v>3.26</v>
      </c>
      <c r="I37" s="26">
        <v>315575</v>
      </c>
      <c r="J37" s="27">
        <v>20</v>
      </c>
      <c r="K37" s="105">
        <v>1.77</v>
      </c>
      <c r="L37" s="28">
        <v>343167</v>
      </c>
      <c r="M37" s="29">
        <v>15</v>
      </c>
      <c r="N37" s="30">
        <v>8.74</v>
      </c>
      <c r="O37" s="31">
        <v>345080</v>
      </c>
      <c r="P37" s="22">
        <v>16</v>
      </c>
      <c r="Q37" s="113">
        <v>0.56000000000000005</v>
      </c>
      <c r="S37" s="33"/>
    </row>
    <row r="38" spans="1:19" ht="19.5" customHeight="1" thickBot="1" x14ac:dyDescent="0.2">
      <c r="A38" s="35">
        <v>33</v>
      </c>
      <c r="B38" s="36" t="s">
        <v>50</v>
      </c>
      <c r="C38" s="40">
        <v>294054</v>
      </c>
      <c r="D38" s="41">
        <v>22</v>
      </c>
      <c r="E38" s="93">
        <v>-3.41</v>
      </c>
      <c r="F38" s="42">
        <v>290389</v>
      </c>
      <c r="G38" s="41">
        <v>31</v>
      </c>
      <c r="H38" s="99">
        <v>-1.25</v>
      </c>
      <c r="I38" s="43">
        <v>361430</v>
      </c>
      <c r="J38" s="59">
        <v>2</v>
      </c>
      <c r="K38" s="108">
        <v>24.46</v>
      </c>
      <c r="L38" s="45">
        <v>350997</v>
      </c>
      <c r="M38" s="46">
        <v>10</v>
      </c>
      <c r="N38" s="47">
        <v>-2.89</v>
      </c>
      <c r="O38" s="39">
        <v>364222</v>
      </c>
      <c r="P38" s="37">
        <v>6</v>
      </c>
      <c r="Q38" s="116">
        <v>3.77</v>
      </c>
      <c r="S38" s="33"/>
    </row>
    <row r="39" spans="1:19" ht="19.5" customHeight="1" thickTop="1" x14ac:dyDescent="0.15">
      <c r="A39" s="19">
        <v>301</v>
      </c>
      <c r="B39" s="20" t="s">
        <v>53</v>
      </c>
      <c r="C39" s="51">
        <v>163413</v>
      </c>
      <c r="D39" s="52">
        <v>5</v>
      </c>
      <c r="E39" s="94">
        <v>4.0199999999999996</v>
      </c>
      <c r="F39" s="48">
        <v>160085</v>
      </c>
      <c r="G39" s="24">
        <v>5</v>
      </c>
      <c r="H39" s="100">
        <v>-2.04</v>
      </c>
      <c r="I39" s="61">
        <v>169568</v>
      </c>
      <c r="J39" s="62">
        <v>5</v>
      </c>
      <c r="K39" s="109">
        <v>5.92</v>
      </c>
      <c r="L39" s="55">
        <v>180948</v>
      </c>
      <c r="M39" s="56">
        <v>5</v>
      </c>
      <c r="N39" s="57">
        <v>6.71</v>
      </c>
      <c r="O39" s="60">
        <v>184745</v>
      </c>
      <c r="P39" s="49">
        <v>5</v>
      </c>
      <c r="Q39" s="117">
        <v>2.1</v>
      </c>
      <c r="S39" s="33"/>
    </row>
    <row r="40" spans="1:19" ht="19.5" customHeight="1" x14ac:dyDescent="0.15">
      <c r="A40" s="19">
        <v>302</v>
      </c>
      <c r="B40" s="20" t="s">
        <v>54</v>
      </c>
      <c r="C40" s="23">
        <v>157524</v>
      </c>
      <c r="D40" s="24">
        <v>6</v>
      </c>
      <c r="E40" s="92">
        <v>7.65</v>
      </c>
      <c r="F40" s="25">
        <v>151292</v>
      </c>
      <c r="G40" s="24">
        <v>6</v>
      </c>
      <c r="H40" s="98">
        <v>-3.96</v>
      </c>
      <c r="I40" s="26">
        <v>158558</v>
      </c>
      <c r="J40" s="27">
        <v>6</v>
      </c>
      <c r="K40" s="109">
        <v>4.8</v>
      </c>
      <c r="L40" s="55">
        <v>167488</v>
      </c>
      <c r="M40" s="56">
        <v>6</v>
      </c>
      <c r="N40" s="57">
        <v>5.63</v>
      </c>
      <c r="O40" s="31">
        <v>158702</v>
      </c>
      <c r="P40" s="22">
        <v>6</v>
      </c>
      <c r="Q40" s="117">
        <v>-5.25</v>
      </c>
      <c r="S40" s="33"/>
    </row>
    <row r="41" spans="1:19" ht="19.5" customHeight="1" x14ac:dyDescent="0.15">
      <c r="A41" s="19">
        <v>303</v>
      </c>
      <c r="B41" s="20" t="s">
        <v>55</v>
      </c>
      <c r="C41" s="23">
        <v>237380</v>
      </c>
      <c r="D41" s="24">
        <v>1</v>
      </c>
      <c r="E41" s="92">
        <v>1.93</v>
      </c>
      <c r="F41" s="25">
        <v>236574</v>
      </c>
      <c r="G41" s="24">
        <v>1</v>
      </c>
      <c r="H41" s="98">
        <v>-0.34</v>
      </c>
      <c r="I41" s="26">
        <v>240324</v>
      </c>
      <c r="J41" s="27">
        <v>1</v>
      </c>
      <c r="K41" s="109">
        <v>1.59</v>
      </c>
      <c r="L41" s="55">
        <v>256448</v>
      </c>
      <c r="M41" s="56">
        <v>1</v>
      </c>
      <c r="N41" s="57">
        <v>6.71</v>
      </c>
      <c r="O41" s="31">
        <v>242798</v>
      </c>
      <c r="P41" s="22">
        <v>1</v>
      </c>
      <c r="Q41" s="117">
        <v>-5.32</v>
      </c>
      <c r="S41" s="33"/>
    </row>
    <row r="42" spans="1:19" ht="19.5" customHeight="1" x14ac:dyDescent="0.15">
      <c r="A42" s="19">
        <v>304</v>
      </c>
      <c r="B42" s="20" t="s">
        <v>56</v>
      </c>
      <c r="C42" s="23">
        <v>198420</v>
      </c>
      <c r="D42" s="24">
        <v>2</v>
      </c>
      <c r="E42" s="92">
        <v>4.0199999999999996</v>
      </c>
      <c r="F42" s="25">
        <v>204278</v>
      </c>
      <c r="G42" s="24">
        <v>2</v>
      </c>
      <c r="H42" s="98">
        <v>2.95</v>
      </c>
      <c r="I42" s="26">
        <v>197978</v>
      </c>
      <c r="J42" s="27">
        <v>2</v>
      </c>
      <c r="K42" s="109">
        <v>-3.08</v>
      </c>
      <c r="L42" s="55">
        <v>191942</v>
      </c>
      <c r="M42" s="56">
        <v>4</v>
      </c>
      <c r="N42" s="57">
        <v>-3.05</v>
      </c>
      <c r="O42" s="31">
        <v>190350</v>
      </c>
      <c r="P42" s="22">
        <v>4</v>
      </c>
      <c r="Q42" s="117">
        <v>-0.83</v>
      </c>
      <c r="S42" s="33"/>
    </row>
    <row r="43" spans="1:19" ht="19.5" customHeight="1" x14ac:dyDescent="0.15">
      <c r="A43" s="19">
        <v>305</v>
      </c>
      <c r="B43" s="20" t="s">
        <v>57</v>
      </c>
      <c r="C43" s="23">
        <v>187488</v>
      </c>
      <c r="D43" s="24">
        <v>4</v>
      </c>
      <c r="E43" s="92">
        <v>-3.33</v>
      </c>
      <c r="F43" s="25">
        <v>200950</v>
      </c>
      <c r="G43" s="24">
        <v>3</v>
      </c>
      <c r="H43" s="98">
        <v>7.18</v>
      </c>
      <c r="I43" s="26">
        <v>189894</v>
      </c>
      <c r="J43" s="27">
        <v>4</v>
      </c>
      <c r="K43" s="109">
        <v>-5.5</v>
      </c>
      <c r="L43" s="55">
        <v>199384</v>
      </c>
      <c r="M43" s="56">
        <v>3</v>
      </c>
      <c r="N43" s="57">
        <v>5</v>
      </c>
      <c r="O43" s="31">
        <v>191763</v>
      </c>
      <c r="P43" s="22">
        <v>3</v>
      </c>
      <c r="Q43" s="117">
        <v>-3.82</v>
      </c>
      <c r="S43" s="33"/>
    </row>
    <row r="44" spans="1:19" ht="19.5" customHeight="1" thickBot="1" x14ac:dyDescent="0.2">
      <c r="A44" s="35">
        <v>306</v>
      </c>
      <c r="B44" s="36" t="s">
        <v>58</v>
      </c>
      <c r="C44" s="40">
        <v>190980</v>
      </c>
      <c r="D44" s="41">
        <v>3</v>
      </c>
      <c r="E44" s="93">
        <v>0.89</v>
      </c>
      <c r="F44" s="42">
        <v>190618</v>
      </c>
      <c r="G44" s="41">
        <v>4</v>
      </c>
      <c r="H44" s="99">
        <v>-0.19</v>
      </c>
      <c r="I44" s="43">
        <v>196075</v>
      </c>
      <c r="J44" s="44">
        <v>3</v>
      </c>
      <c r="K44" s="110">
        <v>2.86</v>
      </c>
      <c r="L44" s="45">
        <v>204918</v>
      </c>
      <c r="M44" s="46">
        <v>2</v>
      </c>
      <c r="N44" s="47">
        <v>4.51</v>
      </c>
      <c r="O44" s="39">
        <v>201184</v>
      </c>
      <c r="P44" s="38">
        <v>2</v>
      </c>
      <c r="Q44" s="118">
        <v>-1.82</v>
      </c>
      <c r="S44" s="33"/>
    </row>
    <row r="45" spans="1:19" ht="19.5" customHeight="1" thickTop="1" thickBot="1" x14ac:dyDescent="0.2">
      <c r="A45" s="122" t="s">
        <v>59</v>
      </c>
      <c r="B45" s="123"/>
      <c r="C45" s="64">
        <v>297302</v>
      </c>
      <c r="D45" s="65" t="s">
        <v>51</v>
      </c>
      <c r="E45" s="95">
        <v>2.54</v>
      </c>
      <c r="F45" s="21">
        <v>306556</v>
      </c>
      <c r="G45" s="66" t="s">
        <v>52</v>
      </c>
      <c r="H45" s="101">
        <v>3.11</v>
      </c>
      <c r="I45" s="67">
        <v>316152</v>
      </c>
      <c r="J45" s="68" t="s">
        <v>51</v>
      </c>
      <c r="K45" s="111">
        <v>3.13</v>
      </c>
      <c r="L45" s="69">
        <v>333272</v>
      </c>
      <c r="M45" s="70"/>
      <c r="N45" s="71">
        <v>5.42</v>
      </c>
      <c r="O45" s="72">
        <v>336496</v>
      </c>
      <c r="P45" s="63" t="s">
        <v>51</v>
      </c>
      <c r="Q45" s="119">
        <v>0.97</v>
      </c>
      <c r="S45" s="33"/>
    </row>
    <row r="46" spans="1:19" ht="19.5" customHeight="1" thickTop="1" thickBot="1" x14ac:dyDescent="0.2">
      <c r="A46" s="122" t="s">
        <v>60</v>
      </c>
      <c r="B46" s="123"/>
      <c r="C46" s="74">
        <v>190978</v>
      </c>
      <c r="D46" s="75" t="s">
        <v>51</v>
      </c>
      <c r="E46" s="96">
        <v>1.37</v>
      </c>
      <c r="F46" s="76">
        <v>190779</v>
      </c>
      <c r="G46" s="66" t="s">
        <v>52</v>
      </c>
      <c r="H46" s="102">
        <v>-0.1</v>
      </c>
      <c r="I46" s="77">
        <v>195103</v>
      </c>
      <c r="J46" s="68" t="s">
        <v>51</v>
      </c>
      <c r="K46" s="110">
        <v>2.27</v>
      </c>
      <c r="L46" s="78">
        <v>204583</v>
      </c>
      <c r="M46" s="79"/>
      <c r="N46" s="80">
        <v>4.8600000000000003</v>
      </c>
      <c r="O46" s="73">
        <v>199231</v>
      </c>
      <c r="P46" s="63" t="s">
        <v>51</v>
      </c>
      <c r="Q46" s="118">
        <v>-2.62</v>
      </c>
      <c r="S46" s="33"/>
    </row>
    <row r="47" spans="1:19" ht="19.5" customHeight="1" thickTop="1" thickBot="1" x14ac:dyDescent="0.2">
      <c r="A47" s="124" t="s">
        <v>61</v>
      </c>
      <c r="B47" s="125"/>
      <c r="C47" s="82">
        <v>290430</v>
      </c>
      <c r="D47" s="84" t="s">
        <v>51</v>
      </c>
      <c r="E47" s="97">
        <v>2.52</v>
      </c>
      <c r="F47" s="85">
        <v>299074</v>
      </c>
      <c r="G47" s="86" t="s">
        <v>52</v>
      </c>
      <c r="H47" s="103">
        <v>2.98</v>
      </c>
      <c r="I47" s="87">
        <v>308324</v>
      </c>
      <c r="J47" s="88" t="s">
        <v>51</v>
      </c>
      <c r="K47" s="112">
        <v>3.09</v>
      </c>
      <c r="L47" s="89">
        <v>325115</v>
      </c>
      <c r="M47" s="90"/>
      <c r="N47" s="91">
        <v>5.45</v>
      </c>
      <c r="O47" s="83">
        <v>327827</v>
      </c>
      <c r="P47" s="81" t="s">
        <v>51</v>
      </c>
      <c r="Q47" s="120">
        <v>0.83</v>
      </c>
      <c r="S47" s="33"/>
    </row>
    <row r="48" spans="1:19" x14ac:dyDescent="0.15">
      <c r="H48" s="104"/>
    </row>
  </sheetData>
  <mergeCells count="9">
    <mergeCell ref="L3:N3"/>
    <mergeCell ref="O3:Q3"/>
    <mergeCell ref="A45:B45"/>
    <mergeCell ref="A3:B5"/>
    <mergeCell ref="A46:B46"/>
    <mergeCell ref="A47:B47"/>
    <mergeCell ref="C3:E3"/>
    <mergeCell ref="F3:H3"/>
    <mergeCell ref="I3:K3"/>
  </mergeCells>
  <phoneticPr fontId="3"/>
  <printOptions horizontalCentered="1" gridLinesSet="0"/>
  <pageMargins left="0.7" right="0.7" top="0.75" bottom="0.75" header="0.3" footer="0.3"/>
  <pageSetup paperSize="9" scale="87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人当たり総諸費</vt:lpstr>
      <vt:lpstr>一人当たり総諸費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1:24:07Z</cp:lastPrinted>
  <dcterms:created xsi:type="dcterms:W3CDTF">2018-03-07T07:29:31Z</dcterms:created>
  <dcterms:modified xsi:type="dcterms:W3CDTF">2018-03-09T01:24:24Z</dcterms:modified>
</cp:coreProperties>
</file>